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4326"/>
  <workbookPr filterPrivacy="1"/>
  <xr:revisionPtr revIDLastSave="72" documentId="8_{B5A23022-E963-4921-9B44-EDF865C04D2B}" xr6:coauthVersionLast="47" xr6:coauthVersionMax="47" xr10:uidLastSave="{C491DEFE-E664-4AF8-B897-5CB3B375B043}"/>
  <bookViews>
    <workbookView xWindow="28680" yWindow="-120" windowWidth="29040" windowHeight="17640" xr2:uid="{01B1E72B-5336-4561-ACF1-819786852B9B}"/>
  </bookViews>
  <sheets>
    <sheet name="Sheet1" sheetId="3" r:id="rId1"/>
  </sheets>
  <definedNames>
    <definedName name="_xlnm._FilterDatabase" localSheetId="0" hidden="1">Sheet1!$A$1:$F$1</definedName>
    <definedName name="_xlnm.Print_Titles" localSheetId="0">Sheet1!$1:$1</definedName>
  </definedName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FV"/>
      </xcalcf:calcFeatures>
    </ext>
  </extLst>
</workbook>
</file>

<file path=xl/sharedStrings.xml><?xml version="1.0" encoding="utf-8"?>
<sst xmlns="http://schemas.openxmlformats.org/spreadsheetml/2006/main" count="258" uniqueCount="98">
  <si>
    <t>Barkarö SK:Röd </t>
  </si>
  <si>
    <t> IK Oden:1</t>
  </si>
  <si>
    <t>H2D</t>
  </si>
  <si>
    <t>Tillberga IK Fotboll </t>
  </si>
  <si>
    <t> Skiljebo:Svart</t>
  </si>
  <si>
    <t>H10A</t>
  </si>
  <si>
    <t>Gideonsbergs IF:4 </t>
  </si>
  <si>
    <t> Västerås SK:2</t>
  </si>
  <si>
    <t>H2A</t>
  </si>
  <si>
    <t>Surahammars FK:Svart </t>
  </si>
  <si>
    <t> Fagersta Södra IK:1</t>
  </si>
  <si>
    <t>Kungsörs BK </t>
  </si>
  <si>
    <t> Köping FF Ungdom:2</t>
  </si>
  <si>
    <t>H2B</t>
  </si>
  <si>
    <t>IK Oden:1 </t>
  </si>
  <si>
    <t> Tillberga IK Fotboll</t>
  </si>
  <si>
    <t>H2C</t>
  </si>
  <si>
    <t>Skiljebo:Svart </t>
  </si>
  <si>
    <t> Barkarö SK:Röd</t>
  </si>
  <si>
    <t> Gideonsbergs IF:4</t>
  </si>
  <si>
    <t>Köping FF Ungdom:2 </t>
  </si>
  <si>
    <t> Kungsörs BK</t>
  </si>
  <si>
    <t>Fagersta Södra IK:1 </t>
  </si>
  <si>
    <t>Västerås SK:2 </t>
  </si>
  <si>
    <t> Surahammars FK:Svart</t>
  </si>
  <si>
    <t>Skiljebo:Grön </t>
  </si>
  <si>
    <t> Gideonsbergs IF:1</t>
  </si>
  <si>
    <t>Västerås BK30:Vit </t>
  </si>
  <si>
    <t> Västerås SK:1</t>
  </si>
  <si>
    <t>Hallstahammars sk fk:2 </t>
  </si>
  <si>
    <t> Surahammars FK:Vit</t>
  </si>
  <si>
    <t>Skiljebo:Gul </t>
  </si>
  <si>
    <t> Sala FF:Svart</t>
  </si>
  <si>
    <t>Köping FF Ungdom:3 </t>
  </si>
  <si>
    <t> Fagersta Södra IK:3</t>
  </si>
  <si>
    <t>Gideonsbergs IF:1 </t>
  </si>
  <si>
    <t> Västerås BK30:Vit</t>
  </si>
  <si>
    <t>Västerås SK:1 </t>
  </si>
  <si>
    <t> Skiljebo:Grön</t>
  </si>
  <si>
    <t> Hallstahammars sk fk:2</t>
  </si>
  <si>
    <t>Fagersta Södra IK:3 </t>
  </si>
  <si>
    <t> Köping FF Ungdom:3</t>
  </si>
  <si>
    <t>Sala FF:Svart </t>
  </si>
  <si>
    <t>Surahammars FK:Vit </t>
  </si>
  <si>
    <t>Grupp 1</t>
  </si>
  <si>
    <t>Grupp 3</t>
  </si>
  <si>
    <t>Grupp 2</t>
  </si>
  <si>
    <t>Grupp 4</t>
  </si>
  <si>
    <t>Skiljebo:Vit </t>
  </si>
  <si>
    <t> Västerås SK:3</t>
  </si>
  <si>
    <t>Gideonsbergs IF:3 </t>
  </si>
  <si>
    <t> Dingtuna GIF</t>
  </si>
  <si>
    <t>Romfartuna GIF </t>
  </si>
  <si>
    <t> Västerås BK30:Svart</t>
  </si>
  <si>
    <t>Hallstahammars sk fk:3 </t>
  </si>
  <si>
    <t> Västerås IK Fotboll:Svart</t>
  </si>
  <si>
    <t>Köping FF Ungdom:1 </t>
  </si>
  <si>
    <t> Virsbo IF</t>
  </si>
  <si>
    <t>Västerås BK30:Svart </t>
  </si>
  <si>
    <t> Skiljebo:Vit</t>
  </si>
  <si>
    <t>Västerås SK:3 </t>
  </si>
  <si>
    <t> Romfartuna GIF</t>
  </si>
  <si>
    <t> Gideonsbergs IF:3</t>
  </si>
  <si>
    <t>Virsbo IF </t>
  </si>
  <si>
    <t> Köping FF Ungdom:1</t>
  </si>
  <si>
    <t>Västerås IK Fotboll:Svart </t>
  </si>
  <si>
    <t>Dingtuna GIF </t>
  </si>
  <si>
    <t> Hallstahammars sk fk:3</t>
  </si>
  <si>
    <t>Skiljebo:Röd </t>
  </si>
  <si>
    <t> Gideonsbergs IF:2</t>
  </si>
  <si>
    <t>Västerås SK:4 </t>
  </si>
  <si>
    <t> Barkarö SK:Blå</t>
  </si>
  <si>
    <t>Västerås BK30:Grön </t>
  </si>
  <si>
    <t> Västerås IK Fotboll:Gul</t>
  </si>
  <si>
    <t>Sala FF:Röd </t>
  </si>
  <si>
    <t> Köping FF Ungdom:4</t>
  </si>
  <si>
    <t>Hallstahammars sk fk:1 </t>
  </si>
  <si>
    <t> Skultuna IS</t>
  </si>
  <si>
    <t>Fagersta Södra IK:2 </t>
  </si>
  <si>
    <t> IK Oden:2</t>
  </si>
  <si>
    <t> Västerås SK:4</t>
  </si>
  <si>
    <t>Gideonsbergs IF:2 </t>
  </si>
  <si>
    <t>Skultuna IS </t>
  </si>
  <si>
    <t> Västerås BK30:Grön</t>
  </si>
  <si>
    <t>Västerås IK Fotboll:Gul </t>
  </si>
  <si>
    <t> Hallstahammars sk fk:1</t>
  </si>
  <si>
    <t>IK Oden:2 </t>
  </si>
  <si>
    <t> Sala FF:Röd</t>
  </si>
  <si>
    <t>Köping FF Ungdom:4 </t>
  </si>
  <si>
    <t> Fagersta Södra IK:2</t>
  </si>
  <si>
    <t>Barkarö SK:Blå </t>
  </si>
  <si>
    <t> Skiljebo:Röd</t>
  </si>
  <si>
    <t>Grupp</t>
  </si>
  <si>
    <t>Tid</t>
  </si>
  <si>
    <t>Hemmalag</t>
  </si>
  <si>
    <t>Bortalag</t>
  </si>
  <si>
    <t>Plan</t>
  </si>
  <si>
    <t>Match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165" formatCode="_(&quot;$&quot;* #,##0_);_(&quot;$&quot;* \(#,##0\);_(&quot;$&quot;* &quot;-&quot;_);_(@_)"/>
    <numFmt numFmtId="166" formatCode="_(* #,##0_);_(* \(#,##0\);_(* &quot;-&quot;_);_(@_)"/>
    <numFmt numFmtId="167" formatCode="_(&quot;$&quot;* #,##0.00_);_(&quot;$&quot;* \(#,##0.00\);_(&quot;$&quot;* &quot;-&quot;??_);_(@_)"/>
    <numFmt numFmtId="168" formatCode="_(* #,##0.00_);_(* \(#,##0.00\);_(* &quot;-&quot;??_);_(@_)"/>
  </numFmts>
  <fonts count="27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sz val="8"/>
      <name val="ABBvoice"/>
      <family val="2"/>
      <charset val="238"/>
    </font>
    <font>
      <sz val="9.5"/>
      <name val="ABBvoice"/>
      <family val="2"/>
      <scheme val="minor"/>
    </font>
    <font>
      <sz val="12"/>
      <name val="ABBvoice"/>
      <family val="2"/>
      <scheme val="minor"/>
    </font>
    <font>
      <b/>
      <sz val="12"/>
      <name val="ABBvoice"/>
      <family val="2"/>
      <scheme val="minor"/>
    </font>
    <font>
      <b/>
      <sz val="11"/>
      <name val="ABBvoice"/>
      <family val="2"/>
    </font>
  </fonts>
  <fills count="39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rgb="FF92D050"/>
        <bgColor indexed="64"/>
      </patternFill>
    </fill>
    <fill>
      <patternFill patternType="solid">
        <fgColor rgb="FFFFFF00"/>
        <bgColor indexed="64"/>
      </patternFill>
    </fill>
    <fill>
      <patternFill patternType="solid">
        <fgColor theme="0" tint="-0.14999847407452621"/>
        <bgColor indexed="64"/>
      </patternFill>
    </fill>
    <fill>
      <patternFill patternType="solid">
        <fgColor rgb="FF00B0F0"/>
        <bgColor indexed="64"/>
      </patternFill>
    </fill>
    <fill>
      <patternFill patternType="solid">
        <fgColor theme="0" tint="-4.9989318521683403E-2"/>
        <bgColor indexed="64"/>
      </patternFill>
    </fill>
    <fill>
      <patternFill patternType="solid">
        <fgColor theme="2" tint="0.59999389629810485"/>
        <bgColor indexed="64"/>
      </patternFill>
    </fill>
  </fills>
  <borders count="14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indexed="64"/>
      </left>
      <right style="thin">
        <color indexed="64"/>
      </right>
      <top style="thin">
        <color indexed="64"/>
      </top>
      <bottom style="thin">
        <color indexed="64"/>
      </bottom>
      <diagonal/>
    </border>
  </borders>
  <cellStyleXfs count="53">
    <xf numFmtId="0" fontId="0" fillId="0" borderId="0"/>
    <xf numFmtId="168" fontId="5" fillId="0" borderId="0" applyFont="0" applyFill="0" applyBorder="0" applyAlignment="0" applyProtection="0"/>
    <xf numFmtId="166" fontId="5" fillId="0" borderId="0" applyFont="0" applyFill="0" applyBorder="0" applyAlignment="0" applyProtection="0"/>
    <xf numFmtId="167" fontId="5" fillId="0" borderId="0" applyFont="0" applyFill="0" applyBorder="0" applyAlignment="0" applyProtection="0"/>
    <xf numFmtId="165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19">
    <xf numFmtId="0" fontId="0" fillId="0" borderId="0" xfId="0"/>
    <xf numFmtId="0" fontId="0" fillId="0" borderId="0" xfId="0" applyAlignment="1">
      <alignment vertical="center"/>
    </xf>
    <xf numFmtId="0" fontId="0" fillId="0" borderId="0" xfId="0" applyFill="1"/>
    <xf numFmtId="0" fontId="23" fillId="0" borderId="13" xfId="0" applyFont="1" applyFill="1" applyBorder="1"/>
    <xf numFmtId="0" fontId="24" fillId="0" borderId="13" xfId="0" applyFont="1" applyFill="1" applyBorder="1" applyAlignment="1">
      <alignment horizontal="left" vertical="center" wrapText="1" indent="1"/>
    </xf>
    <xf numFmtId="20" fontId="24" fillId="0" borderId="13" xfId="0" applyNumberFormat="1" applyFont="1" applyFill="1" applyBorder="1" applyAlignment="1">
      <alignment horizontal="left" vertical="center" wrapText="1" indent="1"/>
    </xf>
    <xf numFmtId="0" fontId="24" fillId="0" borderId="13" xfId="0" applyFont="1" applyFill="1" applyBorder="1" applyAlignment="1">
      <alignment horizontal="right" vertical="center" wrapText="1" indent="1"/>
    </xf>
    <xf numFmtId="0" fontId="25" fillId="34" borderId="13" xfId="0" applyFont="1" applyFill="1" applyBorder="1" applyAlignment="1">
      <alignment horizontal="right" vertical="center" wrapText="1" indent="1"/>
    </xf>
    <xf numFmtId="0" fontId="25" fillId="0" borderId="13" xfId="0" applyFont="1" applyFill="1" applyBorder="1" applyAlignment="1">
      <alignment horizontal="right" vertical="center" wrapText="1" indent="1"/>
    </xf>
    <xf numFmtId="0" fontId="25" fillId="35" borderId="13" xfId="0" applyFont="1" applyFill="1" applyBorder="1" applyAlignment="1">
      <alignment horizontal="right" vertical="center" wrapText="1" indent="1"/>
    </xf>
    <xf numFmtId="0" fontId="25" fillId="34" borderId="13" xfId="0" applyFont="1" applyFill="1" applyBorder="1" applyAlignment="1">
      <alignment horizontal="left" vertical="center" wrapText="1" indent="1"/>
    </xf>
    <xf numFmtId="0" fontId="25" fillId="35" borderId="13" xfId="0" applyFont="1" applyFill="1" applyBorder="1" applyAlignment="1">
      <alignment horizontal="left" vertical="center" wrapText="1" indent="1"/>
    </xf>
    <xf numFmtId="20" fontId="24" fillId="36" borderId="13" xfId="0" applyNumberFormat="1" applyFont="1" applyFill="1" applyBorder="1" applyAlignment="1">
      <alignment horizontal="left" vertical="center" wrapText="1" indent="1"/>
    </xf>
    <xf numFmtId="0" fontId="25" fillId="33" borderId="13" xfId="0" applyFont="1" applyFill="1" applyBorder="1" applyAlignment="1">
      <alignment horizontal="right" vertical="center" wrapText="1" indent="1"/>
    </xf>
    <xf numFmtId="0" fontId="25" fillId="33" borderId="13" xfId="0" applyFont="1" applyFill="1" applyBorder="1" applyAlignment="1">
      <alignment horizontal="left" vertical="center" wrapText="1" indent="1"/>
    </xf>
    <xf numFmtId="0" fontId="25" fillId="0" borderId="13" xfId="0" applyFont="1" applyFill="1" applyBorder="1" applyAlignment="1">
      <alignment horizontal="left" vertical="center" wrapText="1" indent="1"/>
    </xf>
    <xf numFmtId="0" fontId="25" fillId="38" borderId="13" xfId="0" applyFont="1" applyFill="1" applyBorder="1" applyAlignment="1">
      <alignment horizontal="right" vertical="center" wrapText="1" indent="1"/>
    </xf>
    <xf numFmtId="0" fontId="25" fillId="38" borderId="13" xfId="0" applyFont="1" applyFill="1" applyBorder="1" applyAlignment="1">
      <alignment horizontal="left" vertical="center" wrapText="1" indent="1"/>
    </xf>
    <xf numFmtId="0" fontId="26" fillId="37" borderId="13" xfId="0" applyFont="1" applyFill="1" applyBorder="1" applyAlignment="1">
      <alignment vertical="center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/Relationships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A57B2C62-BD71-45ED-A724-53871A4F0488}">
  <sheetPr>
    <pageSetUpPr fitToPage="1"/>
  </sheetPr>
  <dimension ref="A1:F65"/>
  <sheetViews>
    <sheetView tabSelected="1" workbookViewId="0">
      <selection activeCell="I22" sqref="I22"/>
    </sheetView>
  </sheetViews>
  <sheetFormatPr defaultRowHeight="13.5" x14ac:dyDescent="0.25"/>
  <cols>
    <col min="2" max="2" width="13.125" customWidth="1"/>
    <col min="4" max="4" width="25.25" customWidth="1"/>
    <col min="5" max="5" width="25.875" customWidth="1"/>
  </cols>
  <sheetData>
    <row r="1" spans="1:6" s="1" customFormat="1" ht="30.75" customHeight="1" x14ac:dyDescent="0.25">
      <c r="A1" s="18" t="s">
        <v>92</v>
      </c>
      <c r="B1" s="18" t="s">
        <v>97</v>
      </c>
      <c r="C1" s="18" t="s">
        <v>93</v>
      </c>
      <c r="D1" s="18" t="s">
        <v>94</v>
      </c>
      <c r="E1" s="18" t="s">
        <v>95</v>
      </c>
      <c r="F1" s="18" t="s">
        <v>96</v>
      </c>
    </row>
    <row r="2" spans="1:6" ht="18" customHeight="1" x14ac:dyDescent="0.25">
      <c r="A2" s="3" t="s">
        <v>44</v>
      </c>
      <c r="B2" s="4">
        <v>216</v>
      </c>
      <c r="C2" s="12">
        <v>0.375</v>
      </c>
      <c r="D2" s="13" t="s">
        <v>25</v>
      </c>
      <c r="E2" s="4" t="s">
        <v>26</v>
      </c>
      <c r="F2" s="4" t="s">
        <v>8</v>
      </c>
    </row>
    <row r="3" spans="1:6" ht="18" customHeight="1" x14ac:dyDescent="0.25">
      <c r="A3" s="3" t="s">
        <v>44</v>
      </c>
      <c r="B3" s="4">
        <v>217</v>
      </c>
      <c r="C3" s="5">
        <v>0.375</v>
      </c>
      <c r="D3" s="6" t="s">
        <v>27</v>
      </c>
      <c r="E3" s="4" t="s">
        <v>28</v>
      </c>
      <c r="F3" s="4" t="s">
        <v>13</v>
      </c>
    </row>
    <row r="4" spans="1:6" ht="18" customHeight="1" x14ac:dyDescent="0.25">
      <c r="A4" s="3" t="s">
        <v>44</v>
      </c>
      <c r="B4" s="4">
        <v>218</v>
      </c>
      <c r="C4" s="5">
        <v>0.375</v>
      </c>
      <c r="D4" s="6" t="s">
        <v>29</v>
      </c>
      <c r="E4" s="4" t="s">
        <v>30</v>
      </c>
      <c r="F4" s="4" t="s">
        <v>16</v>
      </c>
    </row>
    <row r="5" spans="1:6" ht="18" customHeight="1" x14ac:dyDescent="0.25">
      <c r="A5" s="3" t="s">
        <v>46</v>
      </c>
      <c r="B5" s="4">
        <v>219</v>
      </c>
      <c r="C5" s="5">
        <v>0.375</v>
      </c>
      <c r="D5" s="6" t="s">
        <v>0</v>
      </c>
      <c r="E5" s="4" t="s">
        <v>1</v>
      </c>
      <c r="F5" s="4" t="s">
        <v>2</v>
      </c>
    </row>
    <row r="6" spans="1:6" ht="18" customHeight="1" x14ac:dyDescent="0.25">
      <c r="A6" s="3" t="s">
        <v>46</v>
      </c>
      <c r="B6" s="4">
        <v>223</v>
      </c>
      <c r="C6" s="12">
        <v>0.375</v>
      </c>
      <c r="D6" s="6" t="s">
        <v>3</v>
      </c>
      <c r="E6" s="11" t="s">
        <v>4</v>
      </c>
      <c r="F6" s="4" t="s">
        <v>5</v>
      </c>
    </row>
    <row r="7" spans="1:6" ht="18" customHeight="1" x14ac:dyDescent="0.25">
      <c r="A7" s="3" t="s">
        <v>46</v>
      </c>
      <c r="B7" s="4">
        <v>231</v>
      </c>
      <c r="C7" s="5">
        <v>0.39583333333333331</v>
      </c>
      <c r="D7" s="6" t="s">
        <v>6</v>
      </c>
      <c r="E7" s="4" t="s">
        <v>7</v>
      </c>
      <c r="F7" s="4" t="s">
        <v>8</v>
      </c>
    </row>
    <row r="8" spans="1:6" ht="18" customHeight="1" x14ac:dyDescent="0.25">
      <c r="A8" s="3" t="s">
        <v>45</v>
      </c>
      <c r="B8" s="4">
        <v>26</v>
      </c>
      <c r="C8" s="12">
        <v>0.39583333333333331</v>
      </c>
      <c r="D8" s="8" t="s">
        <v>48</v>
      </c>
      <c r="E8" s="4" t="s">
        <v>49</v>
      </c>
      <c r="F8" s="4" t="s">
        <v>16</v>
      </c>
    </row>
    <row r="9" spans="1:6" ht="18" customHeight="1" x14ac:dyDescent="0.25">
      <c r="A9" s="3" t="s">
        <v>45</v>
      </c>
      <c r="B9" s="4">
        <v>27</v>
      </c>
      <c r="C9" s="5">
        <v>0.39583333333333331</v>
      </c>
      <c r="D9" s="6" t="s">
        <v>50</v>
      </c>
      <c r="E9" s="4" t="s">
        <v>51</v>
      </c>
      <c r="F9" s="4" t="s">
        <v>2</v>
      </c>
    </row>
    <row r="10" spans="1:6" ht="18" customHeight="1" x14ac:dyDescent="0.25">
      <c r="A10" s="3" t="s">
        <v>45</v>
      </c>
      <c r="B10" s="4">
        <v>232</v>
      </c>
      <c r="C10" s="5">
        <v>0.39583333333333331</v>
      </c>
      <c r="D10" s="6" t="s">
        <v>52</v>
      </c>
      <c r="E10" s="4" t="s">
        <v>53</v>
      </c>
      <c r="F10" s="4" t="s">
        <v>13</v>
      </c>
    </row>
    <row r="11" spans="1:6" ht="18" customHeight="1" x14ac:dyDescent="0.25">
      <c r="A11" s="3" t="s">
        <v>47</v>
      </c>
      <c r="B11" s="4">
        <v>238</v>
      </c>
      <c r="C11" s="12">
        <v>0.39583333333333331</v>
      </c>
      <c r="D11" s="16" t="s">
        <v>68</v>
      </c>
      <c r="E11" s="4" t="s">
        <v>69</v>
      </c>
      <c r="F11" s="4" t="s">
        <v>5</v>
      </c>
    </row>
    <row r="12" spans="1:6" ht="18" customHeight="1" x14ac:dyDescent="0.25">
      <c r="A12" s="3" t="s">
        <v>44</v>
      </c>
      <c r="B12" s="4">
        <v>266</v>
      </c>
      <c r="C12" s="12">
        <v>0.41666666666666669</v>
      </c>
      <c r="D12" s="7" t="s">
        <v>31</v>
      </c>
      <c r="E12" s="4" t="s">
        <v>32</v>
      </c>
      <c r="F12" s="4" t="s">
        <v>16</v>
      </c>
    </row>
    <row r="13" spans="1:6" ht="18" customHeight="1" x14ac:dyDescent="0.25">
      <c r="A13" s="3" t="s">
        <v>44</v>
      </c>
      <c r="B13" s="4">
        <v>267</v>
      </c>
      <c r="C13" s="5">
        <v>0.41666666666666669</v>
      </c>
      <c r="D13" s="6" t="s">
        <v>33</v>
      </c>
      <c r="E13" s="4" t="s">
        <v>34</v>
      </c>
      <c r="F13" s="4" t="s">
        <v>2</v>
      </c>
    </row>
    <row r="14" spans="1:6" ht="18" customHeight="1" x14ac:dyDescent="0.25">
      <c r="A14" s="3" t="s">
        <v>44</v>
      </c>
      <c r="B14" s="4">
        <v>271</v>
      </c>
      <c r="C14" s="5">
        <v>0.41666666666666669</v>
      </c>
      <c r="D14" s="6" t="s">
        <v>35</v>
      </c>
      <c r="E14" s="4" t="s">
        <v>36</v>
      </c>
      <c r="F14" s="4" t="s">
        <v>5</v>
      </c>
    </row>
    <row r="15" spans="1:6" ht="18" customHeight="1" x14ac:dyDescent="0.25">
      <c r="A15" s="3" t="s">
        <v>47</v>
      </c>
      <c r="B15" s="4">
        <v>41</v>
      </c>
      <c r="C15" s="5">
        <v>0.41666666666666669</v>
      </c>
      <c r="D15" s="6" t="s">
        <v>70</v>
      </c>
      <c r="E15" s="4" t="s">
        <v>71</v>
      </c>
      <c r="F15" s="4" t="s">
        <v>8</v>
      </c>
    </row>
    <row r="16" spans="1:6" ht="18" customHeight="1" x14ac:dyDescent="0.25">
      <c r="A16" s="3" t="s">
        <v>47</v>
      </c>
      <c r="B16" s="4">
        <v>42</v>
      </c>
      <c r="C16" s="5">
        <v>0.41666666666666669</v>
      </c>
      <c r="D16" s="6" t="s">
        <v>72</v>
      </c>
      <c r="E16" s="4" t="s">
        <v>73</v>
      </c>
      <c r="F16" s="4" t="s">
        <v>13</v>
      </c>
    </row>
    <row r="17" spans="1:6" ht="18" customHeight="1" x14ac:dyDescent="0.25">
      <c r="A17" s="3" t="s">
        <v>46</v>
      </c>
      <c r="B17" s="4">
        <v>298</v>
      </c>
      <c r="C17" s="5">
        <v>0.4375</v>
      </c>
      <c r="D17" s="6" t="s">
        <v>9</v>
      </c>
      <c r="E17" s="4" t="s">
        <v>10</v>
      </c>
      <c r="F17" s="4" t="s">
        <v>8</v>
      </c>
    </row>
    <row r="18" spans="1:6" ht="18" customHeight="1" x14ac:dyDescent="0.25">
      <c r="A18" s="3" t="s">
        <v>46</v>
      </c>
      <c r="B18" s="4">
        <v>299</v>
      </c>
      <c r="C18" s="5">
        <v>0.4375</v>
      </c>
      <c r="D18" s="6" t="s">
        <v>11</v>
      </c>
      <c r="E18" s="4" t="s">
        <v>12</v>
      </c>
      <c r="F18" s="4" t="s">
        <v>13</v>
      </c>
    </row>
    <row r="19" spans="1:6" ht="18" customHeight="1" x14ac:dyDescent="0.25">
      <c r="A19" s="3" t="s">
        <v>46</v>
      </c>
      <c r="B19" s="4">
        <v>300</v>
      </c>
      <c r="C19" s="5">
        <v>0.4375</v>
      </c>
      <c r="D19" s="6" t="s">
        <v>14</v>
      </c>
      <c r="E19" s="4" t="s">
        <v>15</v>
      </c>
      <c r="F19" s="4" t="s">
        <v>16</v>
      </c>
    </row>
    <row r="20" spans="1:6" ht="18" customHeight="1" x14ac:dyDescent="0.25">
      <c r="A20" s="3" t="s">
        <v>45</v>
      </c>
      <c r="B20" s="4">
        <v>50</v>
      </c>
      <c r="C20" s="5">
        <v>0.4375</v>
      </c>
      <c r="D20" s="6" t="s">
        <v>54</v>
      </c>
      <c r="E20" s="4" t="s">
        <v>55</v>
      </c>
      <c r="F20" s="4" t="s">
        <v>2</v>
      </c>
    </row>
    <row r="21" spans="1:6" ht="18" customHeight="1" x14ac:dyDescent="0.25">
      <c r="A21" s="3" t="s">
        <v>45</v>
      </c>
      <c r="B21" s="4">
        <v>306</v>
      </c>
      <c r="C21" s="5">
        <v>0.4375</v>
      </c>
      <c r="D21" s="6" t="s">
        <v>56</v>
      </c>
      <c r="E21" s="4" t="s">
        <v>57</v>
      </c>
      <c r="F21" s="4" t="s">
        <v>5</v>
      </c>
    </row>
    <row r="22" spans="1:6" ht="18" customHeight="1" x14ac:dyDescent="0.25">
      <c r="A22" s="3" t="s">
        <v>44</v>
      </c>
      <c r="B22" s="4">
        <v>336</v>
      </c>
      <c r="C22" s="12">
        <v>0.45833333333333331</v>
      </c>
      <c r="D22" s="6" t="s">
        <v>37</v>
      </c>
      <c r="E22" s="14" t="s">
        <v>38</v>
      </c>
      <c r="F22" s="4" t="s">
        <v>5</v>
      </c>
    </row>
    <row r="23" spans="1:6" ht="18" customHeight="1" x14ac:dyDescent="0.25">
      <c r="A23" s="3" t="s">
        <v>45</v>
      </c>
      <c r="B23" s="4">
        <v>332</v>
      </c>
      <c r="C23" s="12">
        <v>0.45833333333333331</v>
      </c>
      <c r="D23" s="6" t="s">
        <v>58</v>
      </c>
      <c r="E23" s="15" t="s">
        <v>59</v>
      </c>
      <c r="F23" s="4" t="s">
        <v>8</v>
      </c>
    </row>
    <row r="24" spans="1:6" ht="18" customHeight="1" x14ac:dyDescent="0.25">
      <c r="A24" s="3" t="s">
        <v>47</v>
      </c>
      <c r="B24" s="4">
        <v>65</v>
      </c>
      <c r="C24" s="5">
        <v>0.45833333333333331</v>
      </c>
      <c r="D24" s="6" t="s">
        <v>74</v>
      </c>
      <c r="E24" s="4" t="s">
        <v>75</v>
      </c>
      <c r="F24" s="4" t="s">
        <v>2</v>
      </c>
    </row>
    <row r="25" spans="1:6" ht="18" customHeight="1" x14ac:dyDescent="0.25">
      <c r="A25" s="3" t="s">
        <v>47</v>
      </c>
      <c r="B25" s="4">
        <v>333</v>
      </c>
      <c r="C25" s="5">
        <v>0.45833333333333331</v>
      </c>
      <c r="D25" s="6" t="s">
        <v>76</v>
      </c>
      <c r="E25" s="4" t="s">
        <v>77</v>
      </c>
      <c r="F25" s="4" t="s">
        <v>13</v>
      </c>
    </row>
    <row r="26" spans="1:6" ht="18" customHeight="1" x14ac:dyDescent="0.25">
      <c r="A26" s="3" t="s">
        <v>47</v>
      </c>
      <c r="B26" s="4">
        <v>334</v>
      </c>
      <c r="C26" s="5">
        <v>0.45833333333333331</v>
      </c>
      <c r="D26" s="6" t="s">
        <v>78</v>
      </c>
      <c r="E26" s="4" t="s">
        <v>79</v>
      </c>
      <c r="F26" s="4" t="s">
        <v>16</v>
      </c>
    </row>
    <row r="27" spans="1:6" ht="18" customHeight="1" x14ac:dyDescent="0.25">
      <c r="A27" s="3" t="s">
        <v>44</v>
      </c>
      <c r="B27" s="4">
        <v>75</v>
      </c>
      <c r="C27" s="12">
        <v>0.47916666666666669</v>
      </c>
      <c r="D27" s="7" t="s">
        <v>31</v>
      </c>
      <c r="E27" s="4" t="s">
        <v>39</v>
      </c>
      <c r="F27" s="4" t="s">
        <v>8</v>
      </c>
    </row>
    <row r="28" spans="1:6" ht="18" customHeight="1" x14ac:dyDescent="0.25">
      <c r="A28" s="3" t="s">
        <v>44</v>
      </c>
      <c r="B28" s="4">
        <v>76</v>
      </c>
      <c r="C28" s="5">
        <v>0.47916666666666669</v>
      </c>
      <c r="D28" s="6" t="s">
        <v>33</v>
      </c>
      <c r="E28" s="4" t="s">
        <v>30</v>
      </c>
      <c r="F28" s="4" t="s">
        <v>13</v>
      </c>
    </row>
    <row r="29" spans="1:6" ht="18" customHeight="1" x14ac:dyDescent="0.25">
      <c r="A29" s="3" t="s">
        <v>46</v>
      </c>
      <c r="B29" s="4">
        <v>81</v>
      </c>
      <c r="C29" s="12">
        <v>0.47916666666666669</v>
      </c>
      <c r="D29" s="9" t="s">
        <v>17</v>
      </c>
      <c r="E29" s="4" t="s">
        <v>18</v>
      </c>
      <c r="F29" s="4" t="s">
        <v>16</v>
      </c>
    </row>
    <row r="30" spans="1:6" ht="18" customHeight="1" x14ac:dyDescent="0.25">
      <c r="A30" s="3" t="s">
        <v>46</v>
      </c>
      <c r="B30" s="4">
        <v>82</v>
      </c>
      <c r="C30" s="5">
        <v>0.47916666666666669</v>
      </c>
      <c r="D30" s="6" t="s">
        <v>9</v>
      </c>
      <c r="E30" s="4" t="s">
        <v>19</v>
      </c>
      <c r="F30" s="4" t="s">
        <v>2</v>
      </c>
    </row>
    <row r="31" spans="1:6" ht="18" customHeight="1" x14ac:dyDescent="0.25">
      <c r="A31" s="3" t="s">
        <v>46</v>
      </c>
      <c r="B31" s="4">
        <v>84</v>
      </c>
      <c r="C31" s="5">
        <v>0.47916666666666669</v>
      </c>
      <c r="D31" s="6" t="s">
        <v>11</v>
      </c>
      <c r="E31" s="4" t="s">
        <v>7</v>
      </c>
      <c r="F31" s="4" t="s">
        <v>5</v>
      </c>
    </row>
    <row r="32" spans="1:6" ht="18" customHeight="1" x14ac:dyDescent="0.25">
      <c r="A32" s="3" t="s">
        <v>45</v>
      </c>
      <c r="B32" s="4">
        <v>94</v>
      </c>
      <c r="C32" s="5">
        <v>0.5</v>
      </c>
      <c r="D32" s="6" t="s">
        <v>60</v>
      </c>
      <c r="E32" s="4" t="s">
        <v>61</v>
      </c>
      <c r="F32" s="4" t="s">
        <v>8</v>
      </c>
    </row>
    <row r="33" spans="1:6" ht="18" customHeight="1" x14ac:dyDescent="0.25">
      <c r="A33" s="3" t="s">
        <v>45</v>
      </c>
      <c r="B33" s="4">
        <v>95</v>
      </c>
      <c r="C33" s="5">
        <v>0.5</v>
      </c>
      <c r="D33" s="6" t="s">
        <v>54</v>
      </c>
      <c r="E33" s="4" t="s">
        <v>62</v>
      </c>
      <c r="F33" s="4" t="s">
        <v>13</v>
      </c>
    </row>
    <row r="34" spans="1:6" ht="18" customHeight="1" x14ac:dyDescent="0.25">
      <c r="A34" s="3" t="s">
        <v>45</v>
      </c>
      <c r="B34" s="4">
        <v>96</v>
      </c>
      <c r="C34" s="5">
        <v>0.5</v>
      </c>
      <c r="D34" s="6" t="s">
        <v>56</v>
      </c>
      <c r="E34" s="4" t="s">
        <v>51</v>
      </c>
      <c r="F34" s="4" t="s">
        <v>16</v>
      </c>
    </row>
    <row r="35" spans="1:6" ht="18" customHeight="1" x14ac:dyDescent="0.25">
      <c r="A35" s="3" t="s">
        <v>47</v>
      </c>
      <c r="B35" s="4">
        <v>97</v>
      </c>
      <c r="C35" s="12">
        <v>0.5</v>
      </c>
      <c r="D35" s="16" t="s">
        <v>68</v>
      </c>
      <c r="E35" s="4" t="s">
        <v>80</v>
      </c>
      <c r="F35" s="4" t="s">
        <v>2</v>
      </c>
    </row>
    <row r="36" spans="1:6" ht="18" customHeight="1" x14ac:dyDescent="0.25">
      <c r="A36" s="3" t="s">
        <v>47</v>
      </c>
      <c r="B36" s="4">
        <v>98</v>
      </c>
      <c r="C36" s="5">
        <v>0.5</v>
      </c>
      <c r="D36" s="6" t="s">
        <v>81</v>
      </c>
      <c r="E36" s="4" t="s">
        <v>71</v>
      </c>
      <c r="F36" s="4" t="s">
        <v>5</v>
      </c>
    </row>
    <row r="37" spans="1:6" ht="18" customHeight="1" x14ac:dyDescent="0.25">
      <c r="A37" s="3" t="s">
        <v>44</v>
      </c>
      <c r="B37" s="4">
        <v>100</v>
      </c>
      <c r="C37" s="5">
        <v>0.52083333333333337</v>
      </c>
      <c r="D37" s="6" t="s">
        <v>40</v>
      </c>
      <c r="E37" s="4" t="s">
        <v>32</v>
      </c>
      <c r="F37" s="4" t="s">
        <v>13</v>
      </c>
    </row>
    <row r="38" spans="1:6" ht="18" customHeight="1" x14ac:dyDescent="0.25">
      <c r="A38" s="3" t="s">
        <v>44</v>
      </c>
      <c r="B38" s="4">
        <v>101</v>
      </c>
      <c r="C38" s="5">
        <v>0.52083333333333337</v>
      </c>
      <c r="D38" s="6" t="s">
        <v>35</v>
      </c>
      <c r="E38" s="4" t="s">
        <v>28</v>
      </c>
      <c r="F38" s="4" t="s">
        <v>16</v>
      </c>
    </row>
    <row r="39" spans="1:6" ht="18" customHeight="1" x14ac:dyDescent="0.25">
      <c r="A39" s="3" t="s">
        <v>46</v>
      </c>
      <c r="B39" s="4">
        <v>104</v>
      </c>
      <c r="C39" s="5">
        <v>0.52083333333333337</v>
      </c>
      <c r="D39" s="6" t="s">
        <v>20</v>
      </c>
      <c r="E39" s="4" t="s">
        <v>10</v>
      </c>
      <c r="F39" s="4" t="s">
        <v>2</v>
      </c>
    </row>
    <row r="40" spans="1:6" ht="18" customHeight="1" x14ac:dyDescent="0.25">
      <c r="A40" s="3" t="s">
        <v>46</v>
      </c>
      <c r="B40" s="4">
        <v>106</v>
      </c>
      <c r="C40" s="12">
        <v>0.52083333333333337</v>
      </c>
      <c r="D40" s="6" t="s">
        <v>14</v>
      </c>
      <c r="E40" s="11" t="s">
        <v>4</v>
      </c>
      <c r="F40" s="4" t="s">
        <v>5</v>
      </c>
    </row>
    <row r="41" spans="1:6" ht="18" customHeight="1" x14ac:dyDescent="0.25">
      <c r="A41" s="3" t="s">
        <v>47</v>
      </c>
      <c r="B41" s="4">
        <v>112</v>
      </c>
      <c r="C41" s="5">
        <v>0.52083333333333337</v>
      </c>
      <c r="D41" s="6" t="s">
        <v>82</v>
      </c>
      <c r="E41" s="4" t="s">
        <v>83</v>
      </c>
      <c r="F41" s="4" t="s">
        <v>8</v>
      </c>
    </row>
    <row r="42" spans="1:6" ht="18" customHeight="1" x14ac:dyDescent="0.25">
      <c r="A42" s="3" t="s">
        <v>44</v>
      </c>
      <c r="B42" s="4">
        <v>114</v>
      </c>
      <c r="C42" s="12">
        <v>0.54166666666666663</v>
      </c>
      <c r="D42" s="13" t="s">
        <v>25</v>
      </c>
      <c r="E42" s="4" t="s">
        <v>34</v>
      </c>
      <c r="F42" s="4" t="s">
        <v>8</v>
      </c>
    </row>
    <row r="43" spans="1:6" ht="18" customHeight="1" x14ac:dyDescent="0.25">
      <c r="A43" s="3" t="s">
        <v>46</v>
      </c>
      <c r="B43" s="4">
        <v>117</v>
      </c>
      <c r="C43" s="5">
        <v>0.54166666666666663</v>
      </c>
      <c r="D43" s="6" t="s">
        <v>0</v>
      </c>
      <c r="E43" s="4" t="s">
        <v>12</v>
      </c>
      <c r="F43" s="4" t="s">
        <v>13</v>
      </c>
    </row>
    <row r="44" spans="1:6" ht="18" customHeight="1" x14ac:dyDescent="0.25">
      <c r="A44" s="3" t="s">
        <v>45</v>
      </c>
      <c r="B44" s="4">
        <v>119</v>
      </c>
      <c r="C44" s="5">
        <v>0.54166666666666663</v>
      </c>
      <c r="D44" s="6" t="s">
        <v>63</v>
      </c>
      <c r="E44" s="4" t="s">
        <v>55</v>
      </c>
      <c r="F44" s="4" t="s">
        <v>16</v>
      </c>
    </row>
    <row r="45" spans="1:6" ht="18" customHeight="1" x14ac:dyDescent="0.25">
      <c r="A45" s="3" t="s">
        <v>45</v>
      </c>
      <c r="B45" s="4">
        <v>120</v>
      </c>
      <c r="C45" s="5">
        <v>0.54166666666666663</v>
      </c>
      <c r="D45" s="6" t="s">
        <v>58</v>
      </c>
      <c r="E45" s="4" t="s">
        <v>49</v>
      </c>
      <c r="F45" s="4" t="s">
        <v>2</v>
      </c>
    </row>
    <row r="46" spans="1:6" ht="18" customHeight="1" x14ac:dyDescent="0.25">
      <c r="A46" s="3" t="s">
        <v>47</v>
      </c>
      <c r="B46" s="4">
        <v>126</v>
      </c>
      <c r="C46" s="5">
        <v>0.54166666666666663</v>
      </c>
      <c r="D46" s="6" t="s">
        <v>84</v>
      </c>
      <c r="E46" s="4" t="s">
        <v>85</v>
      </c>
      <c r="F46" s="4" t="s">
        <v>5</v>
      </c>
    </row>
    <row r="47" spans="1:6" ht="18" customHeight="1" x14ac:dyDescent="0.25">
      <c r="A47" s="3" t="s">
        <v>44</v>
      </c>
      <c r="B47" s="4">
        <v>128</v>
      </c>
      <c r="C47" s="5">
        <v>0.5625</v>
      </c>
      <c r="D47" s="6" t="s">
        <v>27</v>
      </c>
      <c r="E47" s="4" t="s">
        <v>41</v>
      </c>
      <c r="F47" s="4" t="s">
        <v>2</v>
      </c>
    </row>
    <row r="48" spans="1:6" ht="18" customHeight="1" x14ac:dyDescent="0.25">
      <c r="A48" s="3" t="s">
        <v>44</v>
      </c>
      <c r="B48" s="4">
        <v>129</v>
      </c>
      <c r="C48" s="5">
        <v>0.5625</v>
      </c>
      <c r="D48" s="6" t="s">
        <v>42</v>
      </c>
      <c r="E48" s="4" t="s">
        <v>39</v>
      </c>
      <c r="F48" s="4" t="s">
        <v>5</v>
      </c>
    </row>
    <row r="49" spans="1:6" ht="18" customHeight="1" x14ac:dyDescent="0.25">
      <c r="A49" s="3" t="s">
        <v>45</v>
      </c>
      <c r="B49" s="4">
        <v>133</v>
      </c>
      <c r="C49" s="5">
        <v>0.5625</v>
      </c>
      <c r="D49" s="6" t="s">
        <v>52</v>
      </c>
      <c r="E49" s="4" t="s">
        <v>57</v>
      </c>
      <c r="F49" s="4" t="s">
        <v>8</v>
      </c>
    </row>
    <row r="50" spans="1:6" ht="18" customHeight="1" x14ac:dyDescent="0.25">
      <c r="A50" s="3" t="s">
        <v>47</v>
      </c>
      <c r="B50" s="4">
        <v>134</v>
      </c>
      <c r="C50" s="5">
        <v>0.5625</v>
      </c>
      <c r="D50" s="6" t="s">
        <v>86</v>
      </c>
      <c r="E50" s="4" t="s">
        <v>87</v>
      </c>
      <c r="F50" s="4" t="s">
        <v>13</v>
      </c>
    </row>
    <row r="51" spans="1:6" ht="18" customHeight="1" x14ac:dyDescent="0.25">
      <c r="A51" s="3" t="s">
        <v>47</v>
      </c>
      <c r="B51" s="4">
        <v>135</v>
      </c>
      <c r="C51" s="5">
        <v>0.5625</v>
      </c>
      <c r="D51" s="6" t="s">
        <v>88</v>
      </c>
      <c r="E51" s="4" t="s">
        <v>89</v>
      </c>
      <c r="F51" s="4" t="s">
        <v>16</v>
      </c>
    </row>
    <row r="52" spans="1:6" ht="18" customHeight="1" x14ac:dyDescent="0.25">
      <c r="A52" s="3" t="s">
        <v>44</v>
      </c>
      <c r="B52" s="4">
        <v>145</v>
      </c>
      <c r="C52" s="12">
        <v>0.58333333333333337</v>
      </c>
      <c r="D52" s="6" t="s">
        <v>43</v>
      </c>
      <c r="E52" s="10" t="s">
        <v>31</v>
      </c>
      <c r="F52" s="4" t="s">
        <v>8</v>
      </c>
    </row>
    <row r="53" spans="1:6" ht="18" customHeight="1" x14ac:dyDescent="0.25">
      <c r="A53" s="3" t="s">
        <v>46</v>
      </c>
      <c r="B53" s="4">
        <v>150</v>
      </c>
      <c r="C53" s="5">
        <v>0.58333333333333337</v>
      </c>
      <c r="D53" s="6" t="s">
        <v>3</v>
      </c>
      <c r="E53" s="4" t="s">
        <v>21</v>
      </c>
      <c r="F53" s="4" t="s">
        <v>13</v>
      </c>
    </row>
    <row r="54" spans="1:6" ht="18" customHeight="1" x14ac:dyDescent="0.25">
      <c r="A54" s="3" t="s">
        <v>46</v>
      </c>
      <c r="B54" s="4">
        <v>151</v>
      </c>
      <c r="C54" s="5">
        <v>0.58333333333333337</v>
      </c>
      <c r="D54" s="6" t="s">
        <v>22</v>
      </c>
      <c r="E54" s="4" t="s">
        <v>19</v>
      </c>
      <c r="F54" s="4" t="s">
        <v>16</v>
      </c>
    </row>
    <row r="55" spans="1:6" ht="18" customHeight="1" x14ac:dyDescent="0.25">
      <c r="A55" s="3" t="s">
        <v>46</v>
      </c>
      <c r="B55" s="4">
        <v>152</v>
      </c>
      <c r="C55" s="5">
        <v>0.58333333333333337</v>
      </c>
      <c r="D55" s="6" t="s">
        <v>23</v>
      </c>
      <c r="E55" s="4" t="s">
        <v>24</v>
      </c>
      <c r="F55" s="4" t="s">
        <v>2</v>
      </c>
    </row>
    <row r="56" spans="1:6" ht="18" customHeight="1" x14ac:dyDescent="0.25">
      <c r="A56" s="3" t="s">
        <v>45</v>
      </c>
      <c r="B56" s="4">
        <v>154</v>
      </c>
      <c r="C56" s="12">
        <v>0.58333333333333337</v>
      </c>
      <c r="D56" s="8" t="s">
        <v>48</v>
      </c>
      <c r="E56" s="4" t="s">
        <v>64</v>
      </c>
      <c r="F56" s="4" t="s">
        <v>5</v>
      </c>
    </row>
    <row r="57" spans="1:6" ht="18" customHeight="1" x14ac:dyDescent="0.25">
      <c r="A57" s="3" t="s">
        <v>45</v>
      </c>
      <c r="B57" s="4">
        <v>163</v>
      </c>
      <c r="C57" s="5">
        <v>0.60416666666666663</v>
      </c>
      <c r="D57" s="6" t="s">
        <v>65</v>
      </c>
      <c r="E57" s="4" t="s">
        <v>62</v>
      </c>
      <c r="F57" s="4" t="s">
        <v>8</v>
      </c>
    </row>
    <row r="58" spans="1:6" ht="18" customHeight="1" x14ac:dyDescent="0.25">
      <c r="A58" s="3" t="s">
        <v>45</v>
      </c>
      <c r="B58" s="4">
        <v>164</v>
      </c>
      <c r="C58" s="5">
        <v>0.60416666666666663</v>
      </c>
      <c r="D58" s="6" t="s">
        <v>66</v>
      </c>
      <c r="E58" s="4" t="s">
        <v>67</v>
      </c>
      <c r="F58" s="4" t="s">
        <v>13</v>
      </c>
    </row>
    <row r="59" spans="1:6" ht="18" customHeight="1" x14ac:dyDescent="0.25">
      <c r="A59" s="3" t="s">
        <v>47</v>
      </c>
      <c r="B59" s="4">
        <v>165</v>
      </c>
      <c r="C59" s="12">
        <v>0.60416666666666663</v>
      </c>
      <c r="D59" s="6" t="s">
        <v>90</v>
      </c>
      <c r="E59" s="17" t="s">
        <v>91</v>
      </c>
      <c r="F59" s="4" t="s">
        <v>16</v>
      </c>
    </row>
    <row r="60" spans="1:6" ht="18" customHeight="1" x14ac:dyDescent="0.25">
      <c r="A60" s="3" t="s">
        <v>47</v>
      </c>
      <c r="B60" s="4">
        <v>166</v>
      </c>
      <c r="C60" s="5">
        <v>0.60416666666666663</v>
      </c>
      <c r="D60" s="6" t="s">
        <v>81</v>
      </c>
      <c r="E60" s="4" t="s">
        <v>80</v>
      </c>
      <c r="F60" s="4" t="s">
        <v>2</v>
      </c>
    </row>
    <row r="61" spans="1:6" ht="18" customHeight="1" x14ac:dyDescent="0.25">
      <c r="A61" s="3" t="s">
        <v>47</v>
      </c>
      <c r="B61" s="4">
        <v>167</v>
      </c>
      <c r="C61" s="5">
        <v>0.60416666666666663</v>
      </c>
      <c r="D61" s="6" t="s">
        <v>72</v>
      </c>
      <c r="E61" s="4" t="s">
        <v>85</v>
      </c>
      <c r="F61" s="4" t="s">
        <v>5</v>
      </c>
    </row>
    <row r="62" spans="1:6" ht="18" customHeight="1" x14ac:dyDescent="0.25">
      <c r="A62" s="3" t="s">
        <v>47</v>
      </c>
      <c r="B62" s="4">
        <v>176</v>
      </c>
      <c r="C62" s="5">
        <v>0.625</v>
      </c>
      <c r="D62" s="6" t="s">
        <v>82</v>
      </c>
      <c r="E62" s="4" t="s">
        <v>73</v>
      </c>
      <c r="F62" s="4" t="s">
        <v>8</v>
      </c>
    </row>
    <row r="63" spans="1:6" ht="18" customHeight="1" x14ac:dyDescent="0.25">
      <c r="A63" s="3" t="s">
        <v>47</v>
      </c>
      <c r="B63" s="4">
        <v>177</v>
      </c>
      <c r="C63" s="5">
        <v>0.625</v>
      </c>
      <c r="D63" s="6" t="s">
        <v>88</v>
      </c>
      <c r="E63" s="4" t="s">
        <v>79</v>
      </c>
      <c r="F63" s="4" t="s">
        <v>13</v>
      </c>
    </row>
    <row r="64" spans="1:6" ht="18" customHeight="1" x14ac:dyDescent="0.25">
      <c r="A64" s="3" t="s">
        <v>47</v>
      </c>
      <c r="B64" s="4">
        <v>178</v>
      </c>
      <c r="C64" s="5">
        <v>0.625</v>
      </c>
      <c r="D64" s="6" t="s">
        <v>78</v>
      </c>
      <c r="E64" s="4" t="s">
        <v>87</v>
      </c>
      <c r="F64" s="4" t="s">
        <v>16</v>
      </c>
    </row>
    <row r="65" spans="1:6" x14ac:dyDescent="0.25">
      <c r="A65" s="2"/>
      <c r="B65" s="2"/>
      <c r="C65" s="2"/>
      <c r="D65" s="2"/>
      <c r="E65" s="2"/>
      <c r="F65" s="2"/>
    </row>
  </sheetData>
  <autoFilter ref="A1:F1" xr:uid="{A57B2C62-BD71-45ED-A724-53871A4F0488}">
    <sortState xmlns:xlrd2="http://schemas.microsoft.com/office/spreadsheetml/2017/richdata2" ref="A2:F64">
      <sortCondition ref="C1"/>
    </sortState>
  </autoFilter>
  <phoneticPr fontId="22" type="noConversion"/>
  <pageMargins left="0.70866141732283472" right="0.70866141732283472" top="0.74803149606299213" bottom="0.74803149606299213" header="0.31496062992125984" footer="0.31496062992125984"/>
  <pageSetup paperSize="9" scale="91" fitToHeight="0" orientation="portrait"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3AFE24D-024C-4D19-9BBA-2FD568CDA0AE}">
  <ds:schemaRefs/>
</ds:datastoreItem>
</file>

<file path=customXml/itemProps2.xml><?xml version="1.0" encoding="utf-8"?>
<ds:datastoreItem xmlns:ds="http://schemas.openxmlformats.org/officeDocument/2006/customXml" ds:itemID="{330AB371-4956-474F-B192-5E83C36417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4" baseType="variant">
      <vt:variant>
        <vt:lpstr>Worksheets</vt:lpstr>
      </vt:variant>
      <vt:variant>
        <vt:i4>1</vt:i4>
      </vt:variant>
      <vt:variant>
        <vt:lpstr>Named Ranges</vt:lpstr>
      </vt:variant>
      <vt:variant>
        <vt:i4>1</vt:i4>
      </vt:variant>
    </vt:vector>
  </HeadingPairs>
  <TitlesOfParts>
    <vt:vector size="2" baseType="lpstr">
      <vt:lpstr>Sheet1</vt:lpstr>
      <vt:lpstr>Sheet1!Print_Titles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2-06-27T08:22:15Z</dcterms:created>
  <dcterms:modified xsi:type="dcterms:W3CDTF">2022-08-16T13:32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02993818730029</vt:lpwstr>
  </property>
  <property fmtid="{D5CDD505-2E9C-101B-9397-08002B2CF9AE}" pid="4" name="TemplafyUserProfileId">
    <vt:lpwstr>637904357651686156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